
<file path=[Content_Types].xml><?xml version="1.0" encoding="utf-8"?>
<Types xmlns="http://schemas.openxmlformats.org/package/2006/content-types">
  <Default Extension="png" ContentType="image/png"/>
  <Default Extension="bin" ContentType="image/x-emf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xlsx" ContentType="application/vnd.openxmlformats-officedocument.spreadsheetml.sheet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</p:sldMasterIdLst>
  <p:notesMasterIdLst>
    <p:notesMasterId r:id="rId10"/>
  </p:notesMasterIdLst>
  <p:handoutMasterIdLst>
    <p:handoutMasterId r:id="rId11"/>
  </p:handoutMasterIdLst>
  <p:sldIdLst>
    <p:sldId id="256" r:id="rId2"/>
    <p:sldId id="257" r:id="rId3"/>
    <p:sldId id="258" r:id="rId4"/>
    <p:sldId id="259" r:id="rId5"/>
    <p:sldId id="260" r:id="rId6"/>
    <p:sldId id="261" r:id="rId7"/>
    <p:sldId id="262" r:id="rId8"/>
    <p:sldId id="268" r:id="rId9"/>
  </p:sldIdLst>
  <p:sldSz cx="12190413" cy="6859588"/>
  <p:notesSz cx="6858000" cy="9144000"/>
  <p:custDataLst>
    <p:tags r:id="rId12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981" autoAdjust="0"/>
    <p:restoredTop sz="90104" autoAdjust="0"/>
  </p:normalViewPr>
  <p:slideViewPr>
    <p:cSldViewPr snapToGrid="0">
      <p:cViewPr varScale="1">
        <p:scale>
          <a:sx n="86" d="100"/>
          <a:sy n="86" d="100"/>
        </p:scale>
        <p:origin x="108" y="58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gs" Target="tags/tag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.48923315835520559"/>
          <c:y val="3.1003196414015399E-2"/>
          <c:w val="0.46754461942257219"/>
          <c:h val="0.90361312626956092"/>
        </c:manualLayout>
      </c:layout>
      <c:barChart>
        <c:barDir val="bar"/>
        <c:grouping val="clustered"/>
        <c:varyColors val="0"/>
        <c:ser>
          <c:idx val="0"/>
          <c:order val="0"/>
          <c:spPr>
            <a:solidFill>
              <a:srgbClr val="009DF0"/>
            </a:solidFill>
            <a:ln>
              <a:noFill/>
            </a:ln>
            <a:effectLst/>
          </c:spPr>
          <c:invertIfNegative val="0"/>
          <c:cat>
            <c:strRef>
              <c:f>Sheet1!$A$1:$A$12</c:f>
              <c:strCache>
                <c:ptCount val="12"/>
                <c:pt idx="0">
                  <c:v>Railroad</c:v>
                </c:pt>
                <c:pt idx="1">
                  <c:v>Cement plant</c:v>
                </c:pt>
                <c:pt idx="2">
                  <c:v>Off-highway activities</c:v>
                </c:pt>
                <c:pt idx="3">
                  <c:v>Energy production</c:v>
                </c:pt>
                <c:pt idx="4">
                  <c:v>Off-road agricultural equipment</c:v>
                </c:pt>
                <c:pt idx="5">
                  <c:v>Industrial facilities</c:v>
                </c:pt>
                <c:pt idx="6">
                  <c:v>Pesticides</c:v>
                </c:pt>
                <c:pt idx="7">
                  <c:v>Salton Sea</c:v>
                </c:pt>
                <c:pt idx="8">
                  <c:v>Freight transportation</c:v>
                </c:pt>
                <c:pt idx="9">
                  <c:v>Burning</c:v>
                </c:pt>
                <c:pt idx="10">
                  <c:v>Roads (paved and unpaved)</c:v>
                </c:pt>
                <c:pt idx="11">
                  <c:v>Idling traffic</c:v>
                </c:pt>
              </c:strCache>
            </c:strRef>
          </c:cat>
          <c:val>
            <c:numRef>
              <c:f>Sheet1!$B$1:$B$12</c:f>
              <c:numCache>
                <c:formatCode>General</c:formatCode>
                <c:ptCount val="12"/>
                <c:pt idx="0">
                  <c:v>4</c:v>
                </c:pt>
                <c:pt idx="1">
                  <c:v>4</c:v>
                </c:pt>
                <c:pt idx="2">
                  <c:v>5</c:v>
                </c:pt>
                <c:pt idx="3">
                  <c:v>5</c:v>
                </c:pt>
                <c:pt idx="4">
                  <c:v>8</c:v>
                </c:pt>
                <c:pt idx="5">
                  <c:v>9</c:v>
                </c:pt>
                <c:pt idx="6">
                  <c:v>9</c:v>
                </c:pt>
                <c:pt idx="7">
                  <c:v>10</c:v>
                </c:pt>
                <c:pt idx="8">
                  <c:v>10</c:v>
                </c:pt>
                <c:pt idx="9">
                  <c:v>12</c:v>
                </c:pt>
                <c:pt idx="10">
                  <c:v>15</c:v>
                </c:pt>
                <c:pt idx="11">
                  <c:v>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342-43E4-AA78-67217F2A5C5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543907800"/>
        <c:axId val="543908128"/>
      </c:barChart>
      <c:catAx>
        <c:axId val="54390780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43908128"/>
        <c:crosses val="autoZero"/>
        <c:auto val="1"/>
        <c:lblAlgn val="ctr"/>
        <c:lblOffset val="100"/>
        <c:noMultiLvlLbl val="0"/>
      </c:catAx>
      <c:valAx>
        <c:axId val="54390812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4390780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11-02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11/02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13E69D7-B8A5-4485-A9BA-3E00C6EE245C}" type="datetime1">
              <a:rPr lang="en-GB" smtClean="0"/>
              <a:t>11/02/2019</a:t>
            </a:fld>
            <a:endParaRPr lang="en-GB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8CA71D2E-512F-4EB0-AAF9-E4FEBA858101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8404ACBE-98F7-42FA-B2C4-2BDACC351B5F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6" name="Picture 15">
                <a:extLst>
                  <a:ext uri="{FF2B5EF4-FFF2-40B4-BE49-F238E27FC236}">
                    <a16:creationId xmlns:a16="http://schemas.microsoft.com/office/drawing/2014/main" id="{7674FC44-6BF9-46ED-9900-58E4FF05620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D5F5BB9B-F1EC-45D9-9CB7-D11256272499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8543A725-2ECD-475C-B8F2-4B95DD799F0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5D058906-F75B-403B-B22D-B41549B240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4" name="Picture 23">
            <a:extLst>
              <a:ext uri="{FF2B5EF4-FFF2-40B4-BE49-F238E27FC236}">
                <a16:creationId xmlns:a16="http://schemas.microsoft.com/office/drawing/2014/main" id="{BB368B35-1A95-4DB8-9489-9493B9DFE5D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490BAF2-CB01-4B7C-902C-5DA1E92E3081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0769558-C007-4D24-9F8E-49C1989BF2F4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8CFA4A8-1F48-43B7-80DD-25ACBBC494CB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1796EE3-AD84-4DFE-A10F-FC139A109BBF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A6914D5-0352-4EC7-BBFC-23015381B5AD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E4F478D-D9C0-4C0D-8035-C43CF8C0F5ED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5477543-6EA4-4607-98E7-9849AB6858C7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90C28F8-A5B1-4428-80FC-80AE4B9E3AB5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A914FC0-A8E4-4212-90DF-3A9366C4CD06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73E9503-CEED-4733-8B33-832275920C24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en-US"/>
              <a:t>February 13, 2019</a:t>
            </a:r>
            <a:endParaRPr lang="en-DK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96815A15-F63D-4501-B514-73C19B28E458}" type="datetime1">
              <a:rPr lang="en-GB" smtClean="0"/>
              <a:t>11/02/2019</a:t>
            </a:fld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BCB23DC-9A5C-4856-B9D3-C9BA6C166827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79C07C2-4571-4A8E-9C1F-60A903AA73EF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67F3791-9B98-4E9E-BD38-CF9A25F1163D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84BC2A0-8DCC-482B-96AD-CA576FFAAEBC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0FBA129-C50E-4387-9282-695F8677CF4E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30A633E-006A-4286-86CF-232659569DDB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E429B04-B159-4C75-B71D-1BCBBD9A17A2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B5B5082-029F-4AF5-A504-0A767CAE00EE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CD6A3A3-9D13-4428-A6E5-3DBE7E59D9B0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F122C0D-8292-4C8B-A957-EAF864AC7414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22E3BD3-9B4A-45D2-8954-31219D697F93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en-US"/>
              <a:t>February 13, 2019</a:t>
            </a:r>
            <a:endParaRPr lang="en-DK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00A86240-2A56-46ED-8650-979D4AF9EA20}" type="datetime1">
              <a:rPr lang="en-GB" smtClean="0"/>
              <a:t>11/02/2019</a:t>
            </a:fld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B71DD6B-2BD1-40F7-8209-3A56F244488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358253F-260F-42FA-8E64-2A1FBBB90E9C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D1A1088-8576-4A91-8398-9A4F520766C8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en-US"/>
              <a:t>February 13, 2019</a:t>
            </a:r>
            <a:endParaRPr lang="en-DK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873FC000-D4BE-4F01-8AEA-D06790594ABF}" type="datetime1">
              <a:rPr lang="en-GB" smtClean="0"/>
              <a:t>11/02/2019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en-US"/>
              <a:t>February 13, 2019</a:t>
            </a:r>
            <a:endParaRPr lang="en-DK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DEEA8F9D-AAAB-494D-AF16-E5B22DDED4B8}" type="datetime1">
              <a:rPr lang="en-GB" smtClean="0"/>
              <a:t>11/02/2019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1D6DB31-0791-42C2-BBF6-1D34C5769A1E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FDF84DE-FE07-48F9-B119-6E42EBE44528}" type="datetime1">
              <a:rPr lang="en-GB" smtClean="0"/>
              <a:t>11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325E0FA-B828-47C5-BDF4-D90247D687A8}" type="datetime1">
              <a:rPr lang="en-GB" smtClean="0"/>
              <a:t>11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C264B883-43FC-4CC7-8F94-4581126AC73E}" type="datetime1">
              <a:rPr lang="en-GB" smtClean="0"/>
              <a:t>11/02/2019</a:t>
            </a:fld>
            <a:endParaRPr lang="en-GB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FCCD3D23-05BF-4B57-8284-15FF6D12171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8459846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B5F89FCE-453A-40B4-89B8-37EEE81353F9}" type="datetime1">
              <a:rPr lang="en-GB" smtClean="0"/>
              <a:t>11/02/2019</a:t>
            </a:fld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649BD8C4-6612-438B-81F5-53DD9DF90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513" y="6159600"/>
            <a:ext cx="2826457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50DA34D-CD01-4059-B449-4DCD238F6A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240"/>
            <a:ext cx="12190413" cy="6857108"/>
          </a:xfrm>
          <a:prstGeom prst="rect">
            <a:avLst/>
          </a:prstGeom>
        </p:spPr>
      </p:pic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95603F31-3F7D-4B21-B49E-4C87096C4863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F8BC6782-F808-4CAF-B31B-A1DC198213C5}" type="datetime1">
              <a:rPr lang="en-GB" smtClean="0"/>
              <a:t>11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2FD0BAA5-D45C-4114-BB73-DF473FA22566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22E4013A-A6EF-4F68-B5D6-169E2A8335F4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F38C584-EFA4-43C2-A273-058146388BBB}" type="datetime1">
              <a:rPr lang="en-GB" smtClean="0"/>
              <a:t>11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42E2930-17C3-449D-8565-641C84D4FCCD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4D157BA-488C-4BBE-A5E1-1CFC81FA6559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3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610C2FC-26AE-43EE-89A5-4ADA03E78262}" type="datetime1">
              <a:rPr lang="en-GB" smtClean="0"/>
              <a:t>11/02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2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id="{038C835D-7A3F-4157-850A-1556A9D8479F}"/>
              </a:ext>
            </a:extLst>
          </p:cNvPr>
          <p:cNvPicPr>
            <a:picLocks noChangeAspect="1"/>
          </p:cNvPicPr>
          <p:nvPr userDrawn="1"/>
        </p:nvPicPr>
        <p:blipFill>
          <a:blip r:embed="rId43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id="{6515BF35-693E-4749-821E-5148CED147C8}"/>
              </a:ext>
            </a:extLst>
          </p:cNvPr>
          <p:cNvSpPr/>
          <p:nvPr userDrawn="1"/>
        </p:nvSpPr>
        <p:spPr>
          <a:xfrm>
            <a:off x="2051824" y="6142932"/>
            <a:ext cx="1573147" cy="27226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99" r:id="rId37"/>
    <p:sldLayoutId id="2147483790" r:id="rId38"/>
    <p:sldLayoutId id="2147483767" r:id="rId39"/>
  </p:sldLayoutIdLst>
  <p:hf hd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bin"/><Relationship Id="rId2" Type="http://schemas.openxmlformats.org/officeDocument/2006/relationships/image" Target="../media/image8.bin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bin"/><Relationship Id="rId7" Type="http://schemas.openxmlformats.org/officeDocument/2006/relationships/image" Target="../media/image15.bin"/><Relationship Id="rId2" Type="http://schemas.openxmlformats.org/officeDocument/2006/relationships/image" Target="../media/image10.bin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4.bin"/><Relationship Id="rId5" Type="http://schemas.openxmlformats.org/officeDocument/2006/relationships/image" Target="../media/image13.bin"/><Relationship Id="rId4" Type="http://schemas.openxmlformats.org/officeDocument/2006/relationships/image" Target="../media/image12.bin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bin"/><Relationship Id="rId2" Type="http://schemas.openxmlformats.org/officeDocument/2006/relationships/image" Target="../media/image16.bin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id="{762559F4-64D2-4777-B4A2-5B4FAFFDC7D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Community Monitoring Plan</a:t>
            </a:r>
          </a:p>
        </p:txBody>
      </p:sp>
      <p:sp>
        <p:nvSpPr>
          <p:cNvPr id="3" name="FLD_PresentationTitle_2">
            <a:extLst>
              <a:ext uri="{FF2B5EF4-FFF2-40B4-BE49-F238E27FC236}">
                <a16:creationId xmlns:a16="http://schemas.microsoft.com/office/drawing/2014/main" id="{2264CFE6-C3E4-4051-923B-0978D381C4F7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/>
        <p:txBody>
          <a:bodyPr/>
          <a:lstStyle/>
          <a:p>
            <a:r>
              <a:rPr lang="en-GB" sz="4000" dirty="0"/>
              <a:t>Elements 1-5 Recap</a:t>
            </a:r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id="{AE283122-DAAA-4E85-87A4-5FF46F4B8AC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El Centro-Heber-Calexico Corridor</a:t>
            </a:r>
            <a:br>
              <a:rPr lang="en-GB" dirty="0"/>
            </a:br>
            <a:r>
              <a:rPr lang="en-GB" dirty="0"/>
              <a:t>Community Steering Committee Meeting #5</a:t>
            </a:r>
          </a:p>
          <a:p>
            <a:r>
              <a:rPr lang="en-GB" dirty="0"/>
              <a:t>February 13,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25666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1C9DC9-8466-44E5-8C69-8DC424521E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The CAPP (Community Air Protection Program) Blueprint lists 14 elements on its Checklist for Developing Community Air Monitoring</a:t>
            </a:r>
          </a:p>
          <a:p>
            <a:r>
              <a:rPr lang="en-GB" dirty="0"/>
              <a:t>Planning elements designed to answer one of the following:</a:t>
            </a:r>
          </a:p>
          <a:p>
            <a:pPr lvl="1"/>
            <a:r>
              <a:rPr lang="en-GB" dirty="0"/>
              <a:t>What is the reason for conducting community air monitoring? (</a:t>
            </a:r>
            <a:r>
              <a:rPr lang="en-GB" dirty="0">
                <a:solidFill>
                  <a:srgbClr val="009DF0"/>
                </a:solidFill>
              </a:rPr>
              <a:t>Elements 1-5</a:t>
            </a:r>
            <a:r>
              <a:rPr lang="en-GB" dirty="0"/>
              <a:t>)</a:t>
            </a:r>
          </a:p>
          <a:p>
            <a:pPr lvl="1"/>
            <a:r>
              <a:rPr lang="en-GB" dirty="0"/>
              <a:t>How will monitoring be conducted (Elements 6-11)</a:t>
            </a:r>
          </a:p>
          <a:p>
            <a:pPr lvl="1"/>
            <a:r>
              <a:rPr lang="en-GB" dirty="0"/>
              <a:t>How will the data be used to take action (Elements 12-14)</a:t>
            </a:r>
          </a:p>
          <a:p>
            <a:r>
              <a:rPr lang="en-GB" dirty="0"/>
              <a:t>Elements 1-5 have been developed in the draft Year 1 Community Air Monitoring Plan:</a:t>
            </a:r>
          </a:p>
          <a:p>
            <a:pPr lvl="1"/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APP Blueprint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30DED1D-E3EC-457C-BF87-ECA93EC9341D}"/>
              </a:ext>
            </a:extLst>
          </p:cNvPr>
          <p:cNvSpPr txBox="1"/>
          <p:nvPr/>
        </p:nvSpPr>
        <p:spPr bwMode="auto">
          <a:xfrm>
            <a:off x="824229" y="4520670"/>
            <a:ext cx="3577547" cy="276999"/>
          </a:xfrm>
          <a:prstGeom prst="rect">
            <a:avLst/>
          </a:prstGeom>
          <a:noFill/>
          <a:ln w="2857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1. Community Partnership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70630EE-78C5-4361-81A7-95C9CD00C7F0}"/>
              </a:ext>
            </a:extLst>
          </p:cNvPr>
          <p:cNvSpPr txBox="1"/>
          <p:nvPr/>
        </p:nvSpPr>
        <p:spPr bwMode="auto">
          <a:xfrm>
            <a:off x="7496338" y="4520669"/>
            <a:ext cx="3079102" cy="276999"/>
          </a:xfrm>
          <a:prstGeom prst="rect">
            <a:avLst/>
          </a:prstGeom>
          <a:noFill/>
          <a:ln w="2857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2. Purpose for</a:t>
            </a:r>
            <a:r>
              <a:rPr lang="en-US" spc="0" dirty="0"/>
              <a:t> Monitoring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3146ABF-9BEE-4726-A0A9-F6F91D00DB92}"/>
              </a:ext>
            </a:extLst>
          </p:cNvPr>
          <p:cNvSpPr txBox="1"/>
          <p:nvPr/>
        </p:nvSpPr>
        <p:spPr bwMode="auto">
          <a:xfrm>
            <a:off x="4237086" y="5142353"/>
            <a:ext cx="3079102" cy="276999"/>
          </a:xfrm>
          <a:prstGeom prst="rect">
            <a:avLst/>
          </a:prstGeom>
          <a:noFill/>
          <a:ln w="2857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3. Scope of Action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2A700AF-5E2E-4F07-9349-DB4093D39E02}"/>
              </a:ext>
            </a:extLst>
          </p:cNvPr>
          <p:cNvSpPr txBox="1"/>
          <p:nvPr/>
        </p:nvSpPr>
        <p:spPr bwMode="auto">
          <a:xfrm>
            <a:off x="994457" y="5765232"/>
            <a:ext cx="3079102" cy="276999"/>
          </a:xfrm>
          <a:prstGeom prst="rect">
            <a:avLst/>
          </a:prstGeom>
          <a:noFill/>
          <a:ln w="2857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4. Monitoring Objective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1E9D135-72BA-4525-95D3-6B6109A11CBF}"/>
              </a:ext>
            </a:extLst>
          </p:cNvPr>
          <p:cNvSpPr txBox="1"/>
          <p:nvPr/>
        </p:nvSpPr>
        <p:spPr bwMode="auto">
          <a:xfrm>
            <a:off x="7086715" y="5765233"/>
            <a:ext cx="4268641" cy="276999"/>
          </a:xfrm>
          <a:prstGeom prst="rect">
            <a:avLst/>
          </a:prstGeom>
          <a:noFill/>
          <a:ln w="2857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5. Roles and Responsibilities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9CFBC9E7-91B6-4B9E-9F36-6DDA45786CA5}"/>
              </a:ext>
            </a:extLst>
          </p:cNvPr>
          <p:cNvGrpSpPr/>
          <p:nvPr/>
        </p:nvGrpSpPr>
        <p:grpSpPr>
          <a:xfrm>
            <a:off x="9345842" y="2243534"/>
            <a:ext cx="1486713" cy="1604887"/>
            <a:chOff x="9420487" y="2163552"/>
            <a:chExt cx="1486713" cy="1604887"/>
          </a:xfrm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C717ADE6-4821-4FAA-A098-39A7ECB76C3A}"/>
                </a:ext>
              </a:extLst>
            </p:cNvPr>
            <p:cNvSpPr/>
            <p:nvPr/>
          </p:nvSpPr>
          <p:spPr>
            <a:xfrm>
              <a:off x="9420487" y="2163552"/>
              <a:ext cx="1486713" cy="1604887"/>
            </a:xfrm>
            <a:prstGeom prst="rect">
              <a:avLst/>
            </a:prstGeom>
            <a:solidFill>
              <a:schemeClr val="bg2">
                <a:lumMod val="20000"/>
                <a:lumOff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BA28CD8F-0277-4608-8316-35592C68B20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537714" y="2289719"/>
              <a:ext cx="376214" cy="376214"/>
            </a:xfrm>
            <a:prstGeom prst="rect">
              <a:avLst/>
            </a:prstGeom>
          </p:spPr>
        </p:pic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3964A9B9-44FF-486C-9372-67AC1EA7F70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537714" y="2777889"/>
              <a:ext cx="376214" cy="376214"/>
            </a:xfrm>
            <a:prstGeom prst="rect">
              <a:avLst/>
            </a:prstGeom>
          </p:spPr>
        </p:pic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9FAFF536-80B3-46CD-88AD-F9214D09A31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9537714" y="3266059"/>
              <a:ext cx="376214" cy="376214"/>
            </a:xfrm>
            <a:prstGeom prst="rect">
              <a:avLst/>
            </a:prstGeom>
          </p:spPr>
        </p:pic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14C6B82C-DEAB-4126-A4F2-DC1E840BD372}"/>
                </a:ext>
              </a:extLst>
            </p:cNvPr>
            <p:cNvCxnSpPr>
              <a:cxnSpLocks/>
            </p:cNvCxnSpPr>
            <p:nvPr/>
          </p:nvCxnSpPr>
          <p:spPr>
            <a:xfrm>
              <a:off x="9992087" y="2603303"/>
              <a:ext cx="774817" cy="0"/>
            </a:xfrm>
            <a:prstGeom prst="line">
              <a:avLst/>
            </a:prstGeom>
            <a:ln w="9525">
              <a:solidFill>
                <a:schemeClr val="bg2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E7FBEDFC-54F4-4B26-953A-FBD04E0EC2EC}"/>
                </a:ext>
              </a:extLst>
            </p:cNvPr>
            <p:cNvCxnSpPr>
              <a:cxnSpLocks/>
            </p:cNvCxnSpPr>
            <p:nvPr/>
          </p:nvCxnSpPr>
          <p:spPr>
            <a:xfrm>
              <a:off x="9992087" y="3076491"/>
              <a:ext cx="787342" cy="0"/>
            </a:xfrm>
            <a:prstGeom prst="line">
              <a:avLst/>
            </a:prstGeom>
            <a:ln w="9525">
              <a:solidFill>
                <a:schemeClr val="bg2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18DE26BE-311A-4D3A-9E56-CB533AE5DFDC}"/>
                </a:ext>
              </a:extLst>
            </p:cNvPr>
            <p:cNvCxnSpPr>
              <a:cxnSpLocks/>
            </p:cNvCxnSpPr>
            <p:nvPr/>
          </p:nvCxnSpPr>
          <p:spPr>
            <a:xfrm>
              <a:off x="9992087" y="3535541"/>
              <a:ext cx="787342" cy="0"/>
            </a:xfrm>
            <a:prstGeom prst="line">
              <a:avLst/>
            </a:prstGeom>
            <a:ln w="9525">
              <a:solidFill>
                <a:schemeClr val="bg2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5" name="Straight Arrow Connector 4">
            <a:extLst>
              <a:ext uri="{FF2B5EF4-FFF2-40B4-BE49-F238E27FC236}">
                <a16:creationId xmlns:a16="http://schemas.microsoft.com/office/drawing/2014/main" id="{EEE5490B-219E-45F7-B623-79978C1D58AF}"/>
              </a:ext>
            </a:extLst>
          </p:cNvPr>
          <p:cNvCxnSpPr>
            <a:cxnSpLocks/>
          </p:cNvCxnSpPr>
          <p:nvPr/>
        </p:nvCxnSpPr>
        <p:spPr>
          <a:xfrm>
            <a:off x="4401776" y="4659168"/>
            <a:ext cx="2914413" cy="0"/>
          </a:xfrm>
          <a:prstGeom prst="straightConnector1">
            <a:avLst/>
          </a:prstGeom>
          <a:ln w="28575">
            <a:solidFill>
              <a:srgbClr val="009DF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CB9AA504-3C43-4C12-BBF0-0FDCCA1CD12C}"/>
              </a:ext>
            </a:extLst>
          </p:cNvPr>
          <p:cNvCxnSpPr>
            <a:cxnSpLocks/>
          </p:cNvCxnSpPr>
          <p:nvPr/>
        </p:nvCxnSpPr>
        <p:spPr>
          <a:xfrm>
            <a:off x="4401775" y="5903731"/>
            <a:ext cx="2914413" cy="0"/>
          </a:xfrm>
          <a:prstGeom prst="straightConnector1">
            <a:avLst/>
          </a:prstGeom>
          <a:ln w="28575">
            <a:solidFill>
              <a:srgbClr val="009DF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FBC1FB31-44EE-41DA-8317-5DBFA5E672A9}"/>
              </a:ext>
            </a:extLst>
          </p:cNvPr>
          <p:cNvCxnSpPr>
            <a:cxnSpLocks/>
          </p:cNvCxnSpPr>
          <p:nvPr/>
        </p:nvCxnSpPr>
        <p:spPr>
          <a:xfrm flipH="1">
            <a:off x="6973247" y="4853318"/>
            <a:ext cx="1187949" cy="427534"/>
          </a:xfrm>
          <a:prstGeom prst="straightConnector1">
            <a:avLst/>
          </a:prstGeom>
          <a:ln w="28575">
            <a:solidFill>
              <a:srgbClr val="009DF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98915DD1-D5F7-4EA4-87DF-A91BE5FD2537}"/>
              </a:ext>
            </a:extLst>
          </p:cNvPr>
          <p:cNvCxnSpPr>
            <a:cxnSpLocks/>
          </p:cNvCxnSpPr>
          <p:nvPr/>
        </p:nvCxnSpPr>
        <p:spPr>
          <a:xfrm flipH="1">
            <a:off x="3452227" y="5302500"/>
            <a:ext cx="1127802" cy="405887"/>
          </a:xfrm>
          <a:prstGeom prst="straightConnector1">
            <a:avLst/>
          </a:prstGeom>
          <a:ln w="28575">
            <a:solidFill>
              <a:srgbClr val="009DF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B2F3D3E-E20F-4AD1-8726-21CC3928FB2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B1B6C0-5552-49BF-B550-B6BED38578E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702198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A48A5E-1668-4F12-9CB8-0F0066764D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lement 1 – Form Community Partnership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036845-968F-4D8A-BBD8-6B14EC6E441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Basis of this element is the </a:t>
            </a:r>
            <a:r>
              <a:rPr lang="en-US" dirty="0">
                <a:solidFill>
                  <a:srgbClr val="009DF0"/>
                </a:solidFill>
              </a:rPr>
              <a:t>Community Steering Committee </a:t>
            </a:r>
          </a:p>
          <a:p>
            <a:pPr lvl="1"/>
            <a:r>
              <a:rPr lang="en-US" dirty="0"/>
              <a:t>First meeting on November 14, 2018 </a:t>
            </a:r>
          </a:p>
          <a:p>
            <a:pPr lvl="1"/>
            <a:r>
              <a:rPr lang="en-US" dirty="0"/>
              <a:t>Five meetings held as of February 13, 2019</a:t>
            </a:r>
          </a:p>
          <a:p>
            <a:pPr lvl="1"/>
            <a:r>
              <a:rPr lang="en-US" dirty="0"/>
              <a:t>Draft charter in progress</a:t>
            </a:r>
          </a:p>
          <a:p>
            <a:pPr lvl="1"/>
            <a:r>
              <a:rPr lang="en-US" dirty="0"/>
              <a:t>Monthly meetings planned for duration of project</a:t>
            </a:r>
          </a:p>
          <a:p>
            <a:pPr lvl="1"/>
            <a:r>
              <a:rPr lang="en-US" dirty="0"/>
              <a:t>15 members, including representation from ICAPCD and CCV</a:t>
            </a:r>
          </a:p>
          <a:p>
            <a:endParaRPr lang="en-US" dirty="0"/>
          </a:p>
          <a:p>
            <a:r>
              <a:rPr lang="en-US" dirty="0"/>
              <a:t>Community Outreach</a:t>
            </a:r>
          </a:p>
          <a:p>
            <a:pPr lvl="1"/>
            <a:r>
              <a:rPr lang="en-US" dirty="0"/>
              <a:t>District website: </a:t>
            </a:r>
            <a:r>
              <a:rPr lang="en-GB" dirty="0">
                <a:solidFill>
                  <a:srgbClr val="009DF0"/>
                </a:solidFill>
              </a:rPr>
              <a:t>https://www.co.imperial.ca.us/AirPollution/index.asp?fileinc=AB617</a:t>
            </a:r>
          </a:p>
          <a:p>
            <a:pPr lvl="1"/>
            <a:r>
              <a:rPr lang="en-US" dirty="0"/>
              <a:t>Dedicated contact person: </a:t>
            </a:r>
            <a:r>
              <a:rPr lang="en-US" dirty="0">
                <a:solidFill>
                  <a:srgbClr val="009DF0"/>
                </a:solidFill>
              </a:rPr>
              <a:t>Belen Leon</a:t>
            </a:r>
          </a:p>
          <a:p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E1874C4-3120-477D-A49A-AEB995EFC24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81060" y="1903806"/>
            <a:ext cx="1684693" cy="168469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9EDBED19-A5D8-498A-AADA-D78D9E8674F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614155" y="4230456"/>
            <a:ext cx="1772982" cy="1764694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3074A3-2406-4C16-81F9-C4E69356C56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651E7B-C481-4E59-A9F4-50DBB9C0315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8214270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30B551-6F28-49CC-B4CA-97DD1AA9B9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lement 2 - </a:t>
            </a:r>
            <a:r>
              <a:rPr lang="en-GB" dirty="0"/>
              <a:t>State the Community-Specific Purpose for Air Monitoring</a:t>
            </a:r>
            <a:br>
              <a:rPr lang="en-US" dirty="0"/>
            </a:b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80C557-269C-43E5-9BFA-FDAF084E1A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503653"/>
            <a:ext cx="5202238" cy="4063354"/>
          </a:xfrm>
        </p:spPr>
        <p:txBody>
          <a:bodyPr/>
          <a:lstStyle/>
          <a:p>
            <a:r>
              <a:rPr lang="en-US" dirty="0"/>
              <a:t>PM</a:t>
            </a:r>
            <a:r>
              <a:rPr lang="en-US" baseline="-25000" dirty="0"/>
              <a:t>10</a:t>
            </a:r>
            <a:r>
              <a:rPr lang="en-US" dirty="0"/>
              <a:t>, PM</a:t>
            </a:r>
            <a:r>
              <a:rPr lang="en-US" baseline="-25000" dirty="0"/>
              <a:t>2.5</a:t>
            </a:r>
            <a:r>
              <a:rPr lang="en-US" dirty="0"/>
              <a:t>, and ozone Nonattainment areas</a:t>
            </a:r>
          </a:p>
          <a:p>
            <a:pPr lvl="1"/>
            <a:r>
              <a:rPr lang="en-US" dirty="0"/>
              <a:t>Pollutant levels exceed federal limits</a:t>
            </a:r>
          </a:p>
          <a:p>
            <a:r>
              <a:rPr lang="en-US" dirty="0"/>
              <a:t>Elevated pollutants contribute to health issues</a:t>
            </a:r>
          </a:p>
          <a:p>
            <a:pPr lvl="1"/>
            <a:r>
              <a:rPr lang="en-US" dirty="0"/>
              <a:t>Imperial County is ranked 8</a:t>
            </a:r>
            <a:r>
              <a:rPr lang="en-US" baseline="30000" dirty="0"/>
              <a:t>th</a:t>
            </a:r>
            <a:r>
              <a:rPr lang="en-US" dirty="0"/>
              <a:t> out of 58 counties in CA for asthma prevalence</a:t>
            </a:r>
          </a:p>
          <a:p>
            <a:r>
              <a:rPr lang="en-US" dirty="0"/>
              <a:t>Purpose: Address air quality issues at the root source in the Community</a:t>
            </a:r>
          </a:p>
          <a:p>
            <a:r>
              <a:rPr lang="en-US" dirty="0">
                <a:sym typeface="Wingdings" panose="05000000000000000000" pitchFamily="2" charset="2"/>
              </a:rPr>
              <a:t>Expansion </a:t>
            </a:r>
            <a:r>
              <a:rPr lang="en-US" dirty="0"/>
              <a:t>of existing monitoring efforts</a:t>
            </a:r>
          </a:p>
          <a:p>
            <a:pPr lvl="1"/>
            <a:r>
              <a:rPr lang="en-US" dirty="0"/>
              <a:t>Regulatory Monitors</a:t>
            </a:r>
          </a:p>
          <a:p>
            <a:pPr lvl="1"/>
            <a:r>
              <a:rPr lang="en-US" dirty="0"/>
              <a:t>Community Monitors (IVAN)</a:t>
            </a:r>
          </a:p>
        </p:txBody>
      </p:sp>
      <p:graphicFrame>
        <p:nvGraphicFramePr>
          <p:cNvPr id="13" name="Chart 12">
            <a:extLst>
              <a:ext uri="{FF2B5EF4-FFF2-40B4-BE49-F238E27FC236}">
                <a16:creationId xmlns:a16="http://schemas.microsoft.com/office/drawing/2014/main" id="{8CAF017B-3B04-44FB-BD2B-1D8E47A930C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313583225"/>
              </p:ext>
            </p:extLst>
          </p:nvPr>
        </p:nvGraphicFramePr>
        <p:xfrm>
          <a:off x="6527800" y="2235793"/>
          <a:ext cx="5202238" cy="364430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5" name="TextBox 14">
            <a:extLst>
              <a:ext uri="{FF2B5EF4-FFF2-40B4-BE49-F238E27FC236}">
                <a16:creationId xmlns:a16="http://schemas.microsoft.com/office/drawing/2014/main" id="{58ED1463-870C-4FD3-A7A2-522EA9173BFC}"/>
              </a:ext>
            </a:extLst>
          </p:cNvPr>
          <p:cNvSpPr txBox="1"/>
          <p:nvPr/>
        </p:nvSpPr>
        <p:spPr bwMode="auto">
          <a:xfrm>
            <a:off x="7123113" y="1503653"/>
            <a:ext cx="4762500" cy="4308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defTabSz="457200" eaLnBrk="0" hangingPunct="0"/>
            <a:r>
              <a:rPr lang="en-GB" sz="1400" dirty="0"/>
              <a:t>What do you think has contributed to worsening air quality in the corridor? (SC Meeting #4)</a:t>
            </a:r>
            <a:endParaRPr kumimoji="0" lang="en-US" sz="1400" b="0" i="0" u="none" strike="noStrike" kern="1200" cap="none" spc="0" normalizeH="0" baseline="0" noProof="0" dirty="0" err="1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43A16D-D558-4151-A445-831E3BD500F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A3EA001-AA70-441D-87D7-7FD29E1D1447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6837340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03CDF2-CE55-4DCC-8EF5-83D184B65F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lement 3 – Identify Scope of Actions</a:t>
            </a:r>
            <a:br>
              <a:rPr lang="en-US" dirty="0"/>
            </a:b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03EA8A-8773-4B23-86E8-C3107E75D7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711277" y="1379489"/>
            <a:ext cx="7773988" cy="4063354"/>
          </a:xfrm>
        </p:spPr>
        <p:txBody>
          <a:bodyPr/>
          <a:lstStyle/>
          <a:p>
            <a:pPr marL="0" indent="0">
              <a:buNone/>
            </a:pPr>
            <a:r>
              <a:rPr lang="en-US" sz="2000" dirty="0"/>
              <a:t>1) Increased outreach to educate community on:</a:t>
            </a:r>
          </a:p>
          <a:p>
            <a:pPr lvl="1"/>
            <a:r>
              <a:rPr lang="en-US" sz="1800" dirty="0"/>
              <a:t>Interpreting air quality data</a:t>
            </a:r>
          </a:p>
          <a:p>
            <a:pPr lvl="1"/>
            <a:r>
              <a:rPr lang="en-US" sz="1800" dirty="0"/>
              <a:t>How poor air quality can impact health</a:t>
            </a:r>
          </a:p>
          <a:p>
            <a:pPr lvl="1"/>
            <a:r>
              <a:rPr lang="en-US" sz="1800" dirty="0"/>
              <a:t>Regulatory vs. Community monitoring</a:t>
            </a:r>
          </a:p>
          <a:p>
            <a:pPr marL="727200" lvl="2" indent="0">
              <a:buNone/>
            </a:pPr>
            <a:endParaRPr lang="en-US" sz="1600" dirty="0"/>
          </a:p>
          <a:p>
            <a:pPr marL="0" indent="0">
              <a:buNone/>
            </a:pPr>
            <a:r>
              <a:rPr lang="en-US" sz="2000" dirty="0"/>
              <a:t>2) New/improved air quality notification system</a:t>
            </a:r>
          </a:p>
          <a:p>
            <a:pPr lvl="1"/>
            <a:r>
              <a:rPr lang="en-US" sz="1800" dirty="0"/>
              <a:t>Tech-enabled improvements to air quality alerts</a:t>
            </a:r>
          </a:p>
          <a:p>
            <a:pPr marL="727200" lvl="2" indent="0">
              <a:buNone/>
            </a:pPr>
            <a:endParaRPr lang="en-US" sz="1600" dirty="0"/>
          </a:p>
          <a:p>
            <a:pPr marL="0" indent="0">
              <a:buNone/>
            </a:pPr>
            <a:r>
              <a:rPr lang="en-US" sz="2000" dirty="0"/>
              <a:t>3) Expansion of existing monitoring network</a:t>
            </a:r>
          </a:p>
          <a:p>
            <a:pPr lvl="1"/>
            <a:r>
              <a:rPr lang="en-US" sz="1800" dirty="0"/>
              <a:t>Targeting for hotspots</a:t>
            </a:r>
          </a:p>
          <a:p>
            <a:pPr lvl="1"/>
            <a:r>
              <a:rPr lang="en-US" sz="1800" dirty="0"/>
              <a:t>Expand to areas under-represented by current monitoring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1CCCC4F-968E-4F23-A7CC-924C772E764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82691" y="3187724"/>
            <a:ext cx="731250" cy="72783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D94F622-AB1F-41F5-885F-AD003AAE9CC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97295" y="3671124"/>
            <a:ext cx="730800" cy="727383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408992FB-5E45-4F6B-B68E-804D6F7A538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82691" y="1390254"/>
            <a:ext cx="731250" cy="727831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590458FA-1175-4E2B-B977-6CB5077706B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547434" y="5176664"/>
            <a:ext cx="730800" cy="727384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BBBA35D8-1394-4D1D-92A8-0BF72683BD7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6984" y="1946011"/>
            <a:ext cx="731250" cy="70875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AAC1A308-7A8C-447E-97C5-B09E3717FD1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383141" y="4782343"/>
            <a:ext cx="730800" cy="727382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ACA28C3-9F67-48F8-92EE-366B6B58C30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B207DAC-F765-41EF-A49E-8F3A08DAEEC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365174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2F4179BC-FDFC-4975-B397-9E6602872E5A}"/>
              </a:ext>
            </a:extLst>
          </p:cNvPr>
          <p:cNvSpPr/>
          <p:nvPr/>
        </p:nvSpPr>
        <p:spPr>
          <a:xfrm>
            <a:off x="650875" y="3791322"/>
            <a:ext cx="4875211" cy="2283025"/>
          </a:xfrm>
          <a:prstGeom prst="round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D255A13E-CBFF-4972-A84E-B7353A46D8AF}"/>
              </a:ext>
            </a:extLst>
          </p:cNvPr>
          <p:cNvSpPr/>
          <p:nvPr/>
        </p:nvSpPr>
        <p:spPr>
          <a:xfrm>
            <a:off x="650877" y="1247016"/>
            <a:ext cx="4875210" cy="2286000"/>
          </a:xfrm>
          <a:prstGeom prst="round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603CDF2-CE55-4DCC-8EF5-83D184B65F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lement 4 – Define Air Monitoring Objective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03EA8A-8773-4B23-86E8-C3107E75D7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508034"/>
            <a:ext cx="4321323" cy="1618867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Install new monitors for PM</a:t>
            </a:r>
            <a:r>
              <a:rPr lang="en-US" baseline="-25000" dirty="0"/>
              <a:t>10</a:t>
            </a:r>
            <a:r>
              <a:rPr lang="en-US" dirty="0"/>
              <a:t> and PM</a:t>
            </a:r>
            <a:r>
              <a:rPr lang="en-US" baseline="-25000" dirty="0"/>
              <a:t>2.5</a:t>
            </a:r>
          </a:p>
          <a:p>
            <a:pPr lvl="1"/>
            <a:r>
              <a:rPr lang="en-US" dirty="0"/>
              <a:t>Ensure compatibility with existing community monitors (e.g., IVAN network)</a:t>
            </a:r>
          </a:p>
          <a:p>
            <a:pPr lvl="1"/>
            <a:r>
              <a:rPr lang="en-US" dirty="0"/>
              <a:t>Locations to be determined as part of Element 8</a:t>
            </a:r>
          </a:p>
          <a:p>
            <a:endParaRPr lang="en-US" dirty="0"/>
          </a:p>
        </p:txBody>
      </p:sp>
      <p:sp>
        <p:nvSpPr>
          <p:cNvPr id="5" name="Rectangle: Rounded Corners 4">
            <a:extLst>
              <a:ext uri="{FF2B5EF4-FFF2-40B4-BE49-F238E27FC236}">
                <a16:creationId xmlns:a16="http://schemas.microsoft.com/office/drawing/2014/main" id="{DC424E79-DE71-416B-81C5-B9111D69036B}"/>
              </a:ext>
            </a:extLst>
          </p:cNvPr>
          <p:cNvSpPr/>
          <p:nvPr/>
        </p:nvSpPr>
        <p:spPr>
          <a:xfrm>
            <a:off x="6852003" y="2599156"/>
            <a:ext cx="4875212" cy="2286000"/>
          </a:xfrm>
          <a:prstGeom prst="roundRect">
            <a:avLst/>
          </a:prstGeom>
          <a:solidFill>
            <a:schemeClr val="accent1">
              <a:lumMod val="9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BAB4931D-A421-47B9-A4DF-433387079393}"/>
              </a:ext>
            </a:extLst>
          </p:cNvPr>
          <p:cNvSpPr txBox="1">
            <a:spLocks/>
          </p:cNvSpPr>
          <p:nvPr/>
        </p:nvSpPr>
        <p:spPr bwMode="auto">
          <a:xfrm>
            <a:off x="7008376" y="2855980"/>
            <a:ext cx="4875212" cy="1450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dirty="0"/>
              <a:t>Utilize Data to:</a:t>
            </a:r>
            <a:endParaRPr lang="en-US" baseline="-25000" dirty="0"/>
          </a:p>
          <a:p>
            <a:pPr lvl="1"/>
            <a:r>
              <a:rPr lang="en-US" dirty="0"/>
              <a:t>Generate health index (e.g., Community Air-Quality Level [CAL])</a:t>
            </a:r>
          </a:p>
          <a:p>
            <a:pPr lvl="1"/>
            <a:r>
              <a:rPr lang="en-US" dirty="0"/>
              <a:t>Make AQ information available online</a:t>
            </a:r>
          </a:p>
          <a:p>
            <a:pPr lvl="1"/>
            <a:r>
              <a:rPr lang="en-US" dirty="0"/>
              <a:t>Automatically send alerts when AQ unhealthy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78890EA2-A91D-4A06-A5B3-6B7B5A57004C}"/>
              </a:ext>
            </a:extLst>
          </p:cNvPr>
          <p:cNvSpPr txBox="1">
            <a:spLocks/>
          </p:cNvSpPr>
          <p:nvPr/>
        </p:nvSpPr>
        <p:spPr bwMode="auto">
          <a:xfrm>
            <a:off x="837038" y="4068538"/>
            <a:ext cx="4502884" cy="161886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dirty="0"/>
              <a:t>And eventually:</a:t>
            </a:r>
            <a:endParaRPr lang="en-US" baseline="-25000" dirty="0"/>
          </a:p>
          <a:p>
            <a:pPr lvl="1"/>
            <a:r>
              <a:rPr lang="en-US" dirty="0"/>
              <a:t>Identify potential sources for control measures</a:t>
            </a:r>
          </a:p>
          <a:p>
            <a:pPr lvl="1"/>
            <a:r>
              <a:rPr lang="en-US" dirty="0"/>
              <a:t>Evaluate local AQ trends</a:t>
            </a:r>
          </a:p>
          <a:p>
            <a:pPr lvl="1"/>
            <a:r>
              <a:rPr lang="en-US" dirty="0"/>
              <a:t>Track progress of emissions reductions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75C7B6D4-AA1A-4F78-872E-BD0717906FA7}"/>
              </a:ext>
            </a:extLst>
          </p:cNvPr>
          <p:cNvCxnSpPr>
            <a:cxnSpLocks/>
          </p:cNvCxnSpPr>
          <p:nvPr/>
        </p:nvCxnSpPr>
        <p:spPr>
          <a:xfrm>
            <a:off x="5751118" y="2888409"/>
            <a:ext cx="748108" cy="238492"/>
          </a:xfrm>
          <a:prstGeom prst="straightConnector1">
            <a:avLst/>
          </a:prstGeom>
          <a:ln w="38100">
            <a:solidFill>
              <a:schemeClr val="bg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F817B15A-A67F-4AF2-9757-3489CBCE84E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11834C3-FABF-41E4-94A5-6D2450038F7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1FFA0491-0279-4923-A8B6-92416643F305}"/>
              </a:ext>
            </a:extLst>
          </p:cNvPr>
          <p:cNvCxnSpPr>
            <a:cxnSpLocks/>
          </p:cNvCxnSpPr>
          <p:nvPr/>
        </p:nvCxnSpPr>
        <p:spPr>
          <a:xfrm flipH="1">
            <a:off x="5818063" y="4432782"/>
            <a:ext cx="730481" cy="271646"/>
          </a:xfrm>
          <a:prstGeom prst="straightConnector1">
            <a:avLst/>
          </a:prstGeom>
          <a:ln w="38100">
            <a:solidFill>
              <a:schemeClr val="bg2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685696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03CDF2-CE55-4DCC-8EF5-83D184B65F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lvl="0"/>
            <a:r>
              <a:rPr lang="en-GB" dirty="0"/>
              <a:t>Element 5 – Establish Roles and Responsibilitie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03EA8A-8773-4B23-86E8-C3107E75D7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47442" y="1484045"/>
            <a:ext cx="3949958" cy="4063354"/>
          </a:xfrm>
        </p:spPr>
        <p:txBody>
          <a:bodyPr/>
          <a:lstStyle/>
          <a:p>
            <a:r>
              <a:rPr lang="en-US" dirty="0"/>
              <a:t>Community Steering Committee</a:t>
            </a:r>
          </a:p>
          <a:p>
            <a:pPr lvl="1"/>
            <a:r>
              <a:rPr lang="en-GB" dirty="0"/>
              <a:t>Oversee development of the Plan</a:t>
            </a:r>
          </a:p>
          <a:p>
            <a:pPr lvl="1"/>
            <a:r>
              <a:rPr lang="en-GB" dirty="0"/>
              <a:t>Support active community involvement and collaboration</a:t>
            </a:r>
          </a:p>
          <a:p>
            <a:pPr lvl="1"/>
            <a:r>
              <a:rPr lang="en-GB" dirty="0"/>
              <a:t>Provide recommendations to District Board for community engagement and outreach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BBC79770-E8A1-47BC-90BD-77D882FFBCBA}"/>
              </a:ext>
            </a:extLst>
          </p:cNvPr>
          <p:cNvSpPr txBox="1">
            <a:spLocks/>
          </p:cNvSpPr>
          <p:nvPr/>
        </p:nvSpPr>
        <p:spPr bwMode="auto">
          <a:xfrm>
            <a:off x="7080616" y="1515245"/>
            <a:ext cx="4462355" cy="24798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 err="1"/>
              <a:t>Comite</a:t>
            </a:r>
            <a:r>
              <a:rPr lang="en-US" dirty="0"/>
              <a:t> Civico del Valle</a:t>
            </a:r>
          </a:p>
          <a:p>
            <a:pPr lvl="1"/>
            <a:r>
              <a:rPr lang="en-GB" dirty="0"/>
              <a:t>Supply technical knowledge for new monitor implementation</a:t>
            </a:r>
          </a:p>
          <a:p>
            <a:pPr lvl="1"/>
            <a:r>
              <a:rPr lang="en-GB" dirty="0"/>
              <a:t>Leverage connections with Community members to encourage participation</a:t>
            </a:r>
          </a:p>
          <a:p>
            <a:pPr lvl="1"/>
            <a:r>
              <a:rPr lang="en-GB" dirty="0"/>
              <a:t>Advocate on behalf of Community members with concerns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33C1990D-3FD7-4515-ABE4-A5FDAB50971D}"/>
              </a:ext>
            </a:extLst>
          </p:cNvPr>
          <p:cNvSpPr txBox="1">
            <a:spLocks/>
          </p:cNvSpPr>
          <p:nvPr/>
        </p:nvSpPr>
        <p:spPr bwMode="auto">
          <a:xfrm>
            <a:off x="3966840" y="4074126"/>
            <a:ext cx="5989960" cy="2399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Imperial County APCD</a:t>
            </a:r>
          </a:p>
          <a:p>
            <a:pPr lvl="1"/>
            <a:r>
              <a:rPr lang="en-GB" dirty="0"/>
              <a:t>Provide oversight for technical analyses</a:t>
            </a:r>
          </a:p>
          <a:p>
            <a:pPr lvl="1"/>
            <a:r>
              <a:rPr lang="en-GB" dirty="0"/>
              <a:t>Utilize knowledge of the state and history of air quality in the region towards making informed decisions</a:t>
            </a:r>
          </a:p>
          <a:p>
            <a:pPr lvl="1"/>
            <a:r>
              <a:rPr lang="en-GB" dirty="0"/>
              <a:t>Apply experience from SIP writing towards control measures analysis and development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59B7C22-9C4B-408E-9B43-1EE2E0BBE2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46472" y="4342416"/>
            <a:ext cx="1871418" cy="186267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4DC119D-804D-438B-A7E3-6145DFB09DC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09797" y="1747735"/>
            <a:ext cx="1689959" cy="1682059"/>
          </a:xfrm>
          <a:prstGeom prst="rect">
            <a:avLst/>
          </a:prstGeom>
        </p:spPr>
      </p:pic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80AB037-30DC-4258-9FC3-04E6C25563F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C449EEC-AEE5-4BDA-84BA-CF94AE2053E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0689325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065A8E2-98D7-483C-B904-8F3248953F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QUESTIONS?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BACD1AE7-73F0-4CAB-AE10-BC19726CAB2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6F3714C-92B2-4C87-A2C2-FD6BD1A58A9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80027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 MIK adjustments.potx" id="{8AF8F9E4-DE39-4C2B-85B6-4A5686C9C8EC}" vid="{89A0920C-1F3F-4FDF-B731-81363685CBD0}"/>
    </a:ext>
  </a:extLst>
</a:theme>
</file>

<file path=ppt/theme/theme2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738</TotalTime>
  <Words>565</Words>
  <Application>Microsoft Office PowerPoint</Application>
  <PresentationFormat>Custom</PresentationFormat>
  <Paragraphs>89</Paragraphs>
  <Slides>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2" baseType="lpstr">
      <vt:lpstr>Arial</vt:lpstr>
      <vt:lpstr>Verdana</vt:lpstr>
      <vt:lpstr>Wingdings</vt:lpstr>
      <vt:lpstr>Blank</vt:lpstr>
      <vt:lpstr>Community Monitoring Plan</vt:lpstr>
      <vt:lpstr>CAPP Blueprint</vt:lpstr>
      <vt:lpstr>Element 1 – Form Community Partnerships</vt:lpstr>
      <vt:lpstr>Element 2 - State the Community-Specific Purpose for Air Monitoring </vt:lpstr>
      <vt:lpstr>Element 3 – Identify Scope of Actions </vt:lpstr>
      <vt:lpstr>Element 4 – Define Air Monitoring Objectives</vt:lpstr>
      <vt:lpstr>Element 5 – Establish Roles and Responsibilities</vt:lpstr>
      <vt:lpstr>QUESTIONS?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mboll</dc:creator>
  <cp:lastModifiedBy>Ramboll Environ</cp:lastModifiedBy>
  <cp:revision>46</cp:revision>
  <dcterms:created xsi:type="dcterms:W3CDTF">2017-10-17T11:00:12Z</dcterms:created>
  <dcterms:modified xsi:type="dcterms:W3CDTF">2019-02-11T22:08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ramboll</vt:lpwstr>
  </property>
  <property fmtid="{D5CDD505-2E9C-101B-9397-08002B2CF9AE}" pid="5" name="TemplateId">
    <vt:lpwstr>636486672340117068</vt:lpwstr>
  </property>
  <property fmtid="{D5CDD505-2E9C-101B-9397-08002B2CF9AE}" pid="6" name="UserProfileId">
    <vt:lpwstr>636644232786432923</vt:lpwstr>
  </property>
</Properties>
</file>